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4_県央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9" uniqueCount="341">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福田医院</t>
    <phoneticPr fontId="3"/>
  </si>
  <si>
    <t>〒699-2211 大田市波根町古川２０２８番地</t>
    <phoneticPr fontId="3"/>
  </si>
  <si>
    <t>〇</t>
  </si>
  <si>
    <t>医療法人</t>
  </si>
  <si>
    <t>内科</t>
  </si>
  <si>
    <t>有</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50601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0</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9</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9</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9</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9</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7</v>
      </c>
      <c r="K157" s="99" t="str">
        <f t="shared" ref="K157:K172" si="1">IF(OR(COUNTIF(L157:O157,"未確認")&gt;0,COUNTIF(L157:O157,"*")&gt;0),"※","")</f>
        <v/>
      </c>
      <c r="L157" s="167">
        <v>4</v>
      </c>
      <c r="M157" s="167">
        <v>0</v>
      </c>
      <c r="N157" s="167">
        <v>2</v>
      </c>
      <c r="O157" s="167">
        <v>1</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9</v>
      </c>
      <c r="K159" s="99" t="str">
        <f t="shared" si="1"/>
        <v/>
      </c>
      <c r="L159" s="167">
        <v>4</v>
      </c>
      <c r="M159" s="167">
        <v>0</v>
      </c>
      <c r="N159" s="167">
        <v>2</v>
      </c>
      <c r="O159" s="167">
        <v>3</v>
      </c>
      <c r="P159" s="20"/>
      <c r="Q159" s="20"/>
      <c r="R159" s="20"/>
    </row>
    <row r="160" spans="1:18" s="72" customFormat="1" ht="34.5" customHeight="1" x14ac:dyDescent="0.15">
      <c r="A160" s="153" t="s">
        <v>235</v>
      </c>
      <c r="B160" s="98"/>
      <c r="C160" s="227"/>
      <c r="D160" s="227"/>
      <c r="E160" s="227"/>
      <c r="F160" s="227"/>
      <c r="G160" s="226" t="s">
        <v>59</v>
      </c>
      <c r="H160" s="227"/>
      <c r="I160" s="288"/>
      <c r="J160" s="166">
        <v>2</v>
      </c>
      <c r="K160" s="99" t="str">
        <f t="shared" si="1"/>
        <v/>
      </c>
      <c r="L160" s="168">
        <v>0</v>
      </c>
      <c r="M160" s="168">
        <v>0</v>
      </c>
      <c r="N160" s="168">
        <v>2</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2</v>
      </c>
      <c r="K161" s="99" t="str">
        <f t="shared" si="1"/>
        <v/>
      </c>
      <c r="L161" s="167">
        <v>2</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8</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334</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334</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334</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334</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147</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4888</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150</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147</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137</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5</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5</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15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108</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19</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1</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5</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8</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9</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15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18</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7</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125</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88</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1468</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t="s">
        <v>339</v>
      </c>
      <c r="K327" s="99" t="str">
        <f t="shared" ref="K327:K332" si="3">IF(OR(COUNTIF(J327,"未確認")&gt;0,COUNTIF(J327,"*")&gt;0),"※","")</f>
        <v>※</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t="s">
        <v>339</v>
      </c>
      <c r="K328" s="99" t="str">
        <f t="shared" si="3"/>
        <v>※</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t="s">
        <v>339</v>
      </c>
      <c r="K330" s="99" t="str">
        <f t="shared" si="3"/>
        <v>※</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t="s">
        <v>339</v>
      </c>
      <c r="K331" s="99" t="str">
        <f t="shared" si="3"/>
        <v>※</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185</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83</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15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6:38Z</cp:lastPrinted>
  <dcterms:created xsi:type="dcterms:W3CDTF">2019-03-05T11:12:49Z</dcterms:created>
  <dcterms:modified xsi:type="dcterms:W3CDTF">2021-05-24T00:26:41Z</dcterms:modified>
</cp:coreProperties>
</file>